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8-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8-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omm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Graphics&#10;&#10;Automatisch gegenereerde beschrijving">
            <a:extLst>
              <a:ext uri="{FF2B5EF4-FFF2-40B4-BE49-F238E27FC236}">
                <a16:creationId xmlns:a16="http://schemas.microsoft.com/office/drawing/2014/main" id="{3C55930F-6AD6-745D-360D-7ABDEF8974FE}"/>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4841876"/>
            <a:ext cx="2251551" cy="172919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79D66698-7301-0380-E94A-B5481332980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9329" y="4137848"/>
            <a:ext cx="1551146" cy="1191280"/>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08-26T12:02:12Z</dcterms:modified>
</cp:coreProperties>
</file>